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de données, des unités d'organisation, des indicateurs et des ensembles de données, dépend du contexte et varie donc d'une implémentation à l'autre. Ces objets, appelés métadonnées, peuvent être configurés dans DHIS2 avant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de l'engrenage, vous trouverez également l'option de téléchargement de la liste des éléments de données filtrés à partir de votre système DHIS2. Cette option peut s'avérer utile si vous souhaitez revoir la manière dont DHIS2 stocke ces informations ou si vous souhaitez disposer d'une copie hors ligne à d'autres fin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